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duiv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5" name="Afbeelding 4" descr="Afbeelding met tekst, Lettertype, logo, Graphics&#10;&#10;Automatisch gegenereerde beschrijving">
            <a:extLst>
              <a:ext uri="{FF2B5EF4-FFF2-40B4-BE49-F238E27FC236}">
                <a16:creationId xmlns:a16="http://schemas.microsoft.com/office/drawing/2014/main" id="{FC7E1738-AF73-2AB6-5EAA-CEE5C7E39E2C}"/>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3" y="4560411"/>
            <a:ext cx="2030413" cy="2010109"/>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descr="Afbeelding met tekst, Lettertype, logo, Graphics&#10;&#10;Automatisch gegenereerde beschrijving">
            <a:extLst>
              <a:ext uri="{FF2B5EF4-FFF2-40B4-BE49-F238E27FC236}">
                <a16:creationId xmlns:a16="http://schemas.microsoft.com/office/drawing/2014/main" id="{13145DD9-C34A-5C86-866C-B6BE7DC920E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337230" y="3935871"/>
            <a:ext cx="1268477" cy="1255792"/>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02T12:33:23Z</dcterms:modified>
</cp:coreProperties>
</file>